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aenhunz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4931766-F71F-6791-B950-595912B3912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7291" y="4737625"/>
            <a:ext cx="2870916" cy="187757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C7DAAFCB-6130-A2BD-D350-B398C56D824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4905" y="3889827"/>
            <a:ext cx="2165744" cy="141639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5T06:05:53Z</dcterms:modified>
</cp:coreProperties>
</file>